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7"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松陽台佐藤クリニック</t>
    <phoneticPr fontId="3"/>
  </si>
  <si>
    <t>〒693-0006 島根県出雲市白枝町９８８－１</t>
    <phoneticPr fontId="3"/>
  </si>
  <si>
    <t>〇</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315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0</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0</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t="s">
        <v>748</v>
      </c>
      <c r="K146" s="106" t="str">
        <f t="shared" ref="K146:K151" si="1">IF(OR(COUNTIF(J146,"未確認")&gt;0,COUNTIF(J146,"*")&gt;0),"※","")</f>
        <v>※</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v>0</v>
      </c>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v>0</v>
      </c>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v>0</v>
      </c>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v>0</v>
      </c>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v>0</v>
      </c>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2</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v>1</v>
      </c>
      <c r="M171" s="212">
        <v>0</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4</v>
      </c>
      <c r="K173" s="118" t="str">
        <f t="shared" si="2"/>
        <v/>
      </c>
      <c r="L173" s="212">
        <v>2</v>
      </c>
      <c r="M173" s="212">
        <v>0</v>
      </c>
      <c r="N173" s="212">
        <v>2</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6</v>
      </c>
      <c r="K174" s="118" t="str">
        <f t="shared" si="2"/>
        <v/>
      </c>
      <c r="L174" s="213">
        <v>0</v>
      </c>
      <c r="M174" s="213">
        <v>0</v>
      </c>
      <c r="N174" s="213">
        <v>0.6</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v>0</v>
      </c>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1.5</v>
      </c>
      <c r="K176" s="118" t="str">
        <f t="shared" si="2"/>
        <v/>
      </c>
      <c r="L176" s="213">
        <v>1.5</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4</v>
      </c>
      <c r="K177" s="118" t="str">
        <f t="shared" si="2"/>
        <v/>
      </c>
      <c r="L177" s="212">
        <v>4</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1</v>
      </c>
      <c r="K193" s="118" t="str">
        <f>IF(OR(COUNTIF(L193:O193,"未確認")&gt;0,COUNTIF(L193:O193,"*")&gt;0),"※","")</f>
        <v/>
      </c>
      <c r="L193" s="212">
        <v>1</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98</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198</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98</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216</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08</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108</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2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2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2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12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0</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v>0</v>
      </c>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v>0</v>
      </c>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v>0</v>
      </c>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v>0</v>
      </c>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v>0</v>
      </c>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v>0</v>
      </c>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v>0</v>
      </c>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v>0</v>
      </c>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v>0</v>
      </c>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v>0</v>
      </c>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v>0</v>
      </c>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v>0</v>
      </c>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v>0</v>
      </c>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v>0</v>
      </c>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v>0</v>
      </c>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t="s">
        <v>747</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v>0</v>
      </c>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v>0</v>
      </c>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v>0</v>
      </c>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v>0</v>
      </c>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v>0</v>
      </c>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v>0</v>
      </c>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v>0</v>
      </c>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v>0</v>
      </c>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v>0</v>
      </c>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v>0</v>
      </c>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v>0</v>
      </c>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v>0</v>
      </c>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v>0</v>
      </c>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v>0</v>
      </c>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v>0</v>
      </c>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v>0</v>
      </c>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v>0</v>
      </c>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v>0</v>
      </c>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v>0</v>
      </c>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v>0</v>
      </c>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v>0</v>
      </c>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v>0</v>
      </c>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v>0</v>
      </c>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v>0</v>
      </c>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7</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t="s">
        <v>747</v>
      </c>
      <c r="K473" s="118" t="str">
        <f t="shared" si="9"/>
        <v>※</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7</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t="s">
        <v>747</v>
      </c>
      <c r="K475" s="118" t="str">
        <f t="shared" si="9"/>
        <v>※</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v>0</v>
      </c>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v>0</v>
      </c>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v>0</v>
      </c>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v>0</v>
      </c>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v>0</v>
      </c>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v>0</v>
      </c>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v>0</v>
      </c>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v>0</v>
      </c>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v>0</v>
      </c>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v>0</v>
      </c>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v>0</v>
      </c>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v>0</v>
      </c>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v>0</v>
      </c>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v>0</v>
      </c>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v>0</v>
      </c>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v>0</v>
      </c>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v>0</v>
      </c>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v>0</v>
      </c>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v>0</v>
      </c>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t="s">
        <v>748</v>
      </c>
      <c r="K510" s="118" t="str">
        <f t="shared" si="11"/>
        <v>※</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v>0</v>
      </c>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v>0</v>
      </c>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v>0</v>
      </c>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v>0</v>
      </c>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v>0</v>
      </c>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v>0</v>
      </c>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v>0</v>
      </c>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v>0</v>
      </c>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v>0</v>
      </c>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v>0</v>
      </c>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v>0</v>
      </c>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v>0</v>
      </c>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v>0</v>
      </c>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v>0</v>
      </c>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v>0</v>
      </c>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v>0</v>
      </c>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v>0</v>
      </c>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v>0</v>
      </c>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v>0</v>
      </c>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v>0</v>
      </c>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v>0</v>
      </c>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v>0</v>
      </c>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v>0</v>
      </c>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v>0</v>
      </c>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v>0</v>
      </c>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v>0</v>
      </c>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v>0</v>
      </c>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v>0</v>
      </c>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v>0</v>
      </c>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v>0</v>
      </c>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v>0</v>
      </c>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v>0</v>
      </c>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24Z</dcterms:modified>
</cp:coreProperties>
</file>